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8" d="100"/>
          <a:sy n="108" d="100"/>
        </p:scale>
        <p:origin x="73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3-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3-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erl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7CA5DDF6-88BD-B3D8-6BDB-D4E28314CD6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11128" y="5451653"/>
            <a:ext cx="1826045" cy="121249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7CA5DDF6-88BD-B3D8-6BDB-D4E28314CD6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6662" y="4208016"/>
            <a:ext cx="1744602" cy="115841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07-23T08:29:20Z</dcterms:modified>
</cp:coreProperties>
</file>